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13_ncr:1_{6B0B2125-6573-46B4-9335-E8A501F71AD2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ア　施設及び業務の概況" sheetId="4" r:id="rId1"/>
  </sheets>
  <definedNames>
    <definedName name="data10">#REF!</definedName>
    <definedName name="data32">#REF!</definedName>
    <definedName name="data33">#REF!</definedName>
    <definedName name="data52">#REF!</definedName>
    <definedName name="item1001">#REF!</definedName>
    <definedName name="item1002">#REF!</definedName>
    <definedName name="item1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Titles" localSheetId="0">'ア　施設及び業務の概況'!$A:$J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8" uniqueCount="80">
  <si>
    <t>事業開始年月日</t>
    <rPh sb="0" eb="2">
      <t>ジギョウ</t>
    </rPh>
    <rPh sb="2" eb="4">
      <t>カイシ</t>
    </rPh>
    <rPh sb="4" eb="7">
      <t>ネンガッピ</t>
    </rPh>
    <phoneticPr fontId="3"/>
  </si>
  <si>
    <t>事業規模</t>
    <rPh sb="0" eb="2">
      <t>ジギョウ</t>
    </rPh>
    <rPh sb="2" eb="4">
      <t>キボ</t>
    </rPh>
    <phoneticPr fontId="3"/>
  </si>
  <si>
    <t>施設面積（㎡）</t>
    <rPh sb="0" eb="2">
      <t>シセツ</t>
    </rPh>
    <rPh sb="2" eb="4">
      <t>メンセキ</t>
    </rPh>
    <phoneticPr fontId="3"/>
  </si>
  <si>
    <t>年間処理実績（頭）</t>
    <rPh sb="0" eb="2">
      <t>ネンカン</t>
    </rPh>
    <rPh sb="2" eb="4">
      <t>ショリ</t>
    </rPh>
    <rPh sb="4" eb="6">
      <t>ジッセキ</t>
    </rPh>
    <rPh sb="7" eb="8">
      <t>トウ</t>
    </rPh>
    <phoneticPr fontId="3"/>
  </si>
  <si>
    <t>牛</t>
    <rPh sb="0" eb="1">
      <t>ウシ</t>
    </rPh>
    <phoneticPr fontId="3"/>
  </si>
  <si>
    <t>馬</t>
    <rPh sb="0" eb="1">
      <t>ウマ</t>
    </rPh>
    <phoneticPr fontId="3"/>
  </si>
  <si>
    <t>豚</t>
    <rPh sb="0" eb="1">
      <t>ブタ</t>
    </rPh>
    <phoneticPr fontId="3"/>
  </si>
  <si>
    <t>子牛</t>
    <rPh sb="0" eb="2">
      <t>コウシ</t>
    </rPh>
    <phoneticPr fontId="3"/>
  </si>
  <si>
    <t>その他</t>
    <rPh sb="2" eb="3">
      <t>タ</t>
    </rPh>
    <phoneticPr fontId="3"/>
  </si>
  <si>
    <t>計</t>
    <rPh sb="0" eb="1">
      <t>ケイ</t>
    </rPh>
    <phoneticPr fontId="3"/>
  </si>
  <si>
    <t>一日平均処理数</t>
    <rPh sb="0" eb="2">
      <t>イチニチ</t>
    </rPh>
    <rPh sb="2" eb="4">
      <t>ヘイキン</t>
    </rPh>
    <rPh sb="4" eb="6">
      <t>ショリ</t>
    </rPh>
    <rPh sb="6" eb="7">
      <t>スウ</t>
    </rPh>
    <phoneticPr fontId="3"/>
  </si>
  <si>
    <t>料金(一頭当たり)</t>
    <rPh sb="0" eb="2">
      <t>リョウキン</t>
    </rPh>
    <rPh sb="3" eb="5">
      <t>イチトウ</t>
    </rPh>
    <rPh sb="5" eb="6">
      <t>ア</t>
    </rPh>
    <phoneticPr fontId="3"/>
  </si>
  <si>
    <t>と畜場使用料（円）</t>
    <rPh sb="1" eb="2">
      <t>チク</t>
    </rPh>
    <rPh sb="2" eb="3">
      <t>ジョウ</t>
    </rPh>
    <rPh sb="3" eb="6">
      <t>シヨウリョウ</t>
    </rPh>
    <rPh sb="7" eb="8">
      <t>エン</t>
    </rPh>
    <phoneticPr fontId="3"/>
  </si>
  <si>
    <t>と殺解体料（円）</t>
    <rPh sb="1" eb="2">
      <t>サツ</t>
    </rPh>
    <rPh sb="2" eb="4">
      <t>カイタイ</t>
    </rPh>
    <rPh sb="4" eb="5">
      <t>リョウ</t>
    </rPh>
    <rPh sb="6" eb="7">
      <t>エン</t>
    </rPh>
    <phoneticPr fontId="3"/>
  </si>
  <si>
    <t>冷蔵室使用料（円）</t>
    <rPh sb="0" eb="3">
      <t>レイゾウシツ</t>
    </rPh>
    <rPh sb="3" eb="6">
      <t>シヨウリョウ</t>
    </rPh>
    <rPh sb="7" eb="8">
      <t>エン</t>
    </rPh>
    <phoneticPr fontId="3"/>
  </si>
  <si>
    <t>職員数</t>
    <rPh sb="0" eb="3">
      <t>ショクインスウ</t>
    </rPh>
    <phoneticPr fontId="3"/>
  </si>
  <si>
    <t>損益勘定所属職員（人）</t>
    <rPh sb="0" eb="2">
      <t>ソンエキ</t>
    </rPh>
    <rPh sb="2" eb="4">
      <t>カンジョウ</t>
    </rPh>
    <rPh sb="4" eb="6">
      <t>ショゾク</t>
    </rPh>
    <rPh sb="6" eb="8">
      <t>ショクイン</t>
    </rPh>
    <rPh sb="9" eb="10">
      <t>ヒト</t>
    </rPh>
    <phoneticPr fontId="3"/>
  </si>
  <si>
    <t>資本勘定所属職員（人）</t>
    <rPh sb="0" eb="2">
      <t>シホン</t>
    </rPh>
    <rPh sb="2" eb="4">
      <t>カンジョウ</t>
    </rPh>
    <rPh sb="4" eb="6">
      <t>ショゾク</t>
    </rPh>
    <rPh sb="6" eb="8">
      <t>ショクイン</t>
    </rPh>
    <rPh sb="9" eb="10">
      <t>ヒト</t>
    </rPh>
    <phoneticPr fontId="3"/>
  </si>
  <si>
    <t/>
  </si>
  <si>
    <t>さいたま市</t>
    <phoneticPr fontId="3"/>
  </si>
  <si>
    <t>収益的収支</t>
    <rPh sb="0" eb="3">
      <t>シュウエキテキ</t>
    </rPh>
    <rPh sb="3" eb="5">
      <t>シュウシ</t>
    </rPh>
    <phoneticPr fontId="3"/>
  </si>
  <si>
    <t>総収益 (B)+(C) (A)</t>
    <rPh sb="0" eb="3">
      <t>ソウシュウエキ</t>
    </rPh>
    <phoneticPr fontId="3"/>
  </si>
  <si>
    <t>営業収益 (B)</t>
    <rPh sb="0" eb="2">
      <t>エイギョウ</t>
    </rPh>
    <rPh sb="2" eb="4">
      <t>シュウエキ</t>
    </rPh>
    <phoneticPr fontId="3"/>
  </si>
  <si>
    <t>料金収入</t>
    <rPh sb="0" eb="2">
      <t>リョウキン</t>
    </rPh>
    <rPh sb="2" eb="4">
      <t>シュウニュウ</t>
    </rPh>
    <phoneticPr fontId="3"/>
  </si>
  <si>
    <t>受託工事収益</t>
    <rPh sb="0" eb="2">
      <t>ジュタク</t>
    </rPh>
    <rPh sb="2" eb="4">
      <t>コウジ</t>
    </rPh>
    <rPh sb="4" eb="6">
      <t>シュウエキ</t>
    </rPh>
    <phoneticPr fontId="3"/>
  </si>
  <si>
    <t>営業外収益 (C)</t>
    <rPh sb="0" eb="3">
      <t>エイギョウガイ</t>
    </rPh>
    <rPh sb="3" eb="5">
      <t>シュウエキ</t>
    </rPh>
    <phoneticPr fontId="3"/>
  </si>
  <si>
    <t>国庫補助金</t>
    <rPh sb="0" eb="2">
      <t>コッコ</t>
    </rPh>
    <rPh sb="2" eb="5">
      <t>ホジョキン</t>
    </rPh>
    <phoneticPr fontId="3"/>
  </si>
  <si>
    <t>県補助金</t>
    <rPh sb="0" eb="1">
      <t>ケン</t>
    </rPh>
    <rPh sb="1" eb="4">
      <t>ホジョキン</t>
    </rPh>
    <phoneticPr fontId="3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3"/>
  </si>
  <si>
    <t>総費用 (E)+(F) (D)</t>
    <rPh sb="0" eb="3">
      <t>ソウヒヨウ</t>
    </rPh>
    <phoneticPr fontId="3"/>
  </si>
  <si>
    <t>営業費用 (E)</t>
    <rPh sb="0" eb="2">
      <t>エイギョウ</t>
    </rPh>
    <rPh sb="2" eb="4">
      <t>ヒヨウ</t>
    </rPh>
    <phoneticPr fontId="3"/>
  </si>
  <si>
    <t>職員給与費</t>
    <rPh sb="0" eb="2">
      <t>ショクイン</t>
    </rPh>
    <rPh sb="2" eb="4">
      <t>キュウヨ</t>
    </rPh>
    <rPh sb="4" eb="5">
      <t>ヒ</t>
    </rPh>
    <phoneticPr fontId="3"/>
  </si>
  <si>
    <t>受託工事費</t>
    <rPh sb="0" eb="2">
      <t>ジュタク</t>
    </rPh>
    <rPh sb="2" eb="5">
      <t>コウジヒ</t>
    </rPh>
    <phoneticPr fontId="3"/>
  </si>
  <si>
    <t>営業外費用 (F)</t>
    <rPh sb="0" eb="3">
      <t>エイギョウガイ</t>
    </rPh>
    <rPh sb="3" eb="5">
      <t>ヒヨウ</t>
    </rPh>
    <phoneticPr fontId="3"/>
  </si>
  <si>
    <t>支払利息</t>
    <rPh sb="0" eb="2">
      <t>シハライ</t>
    </rPh>
    <rPh sb="2" eb="4">
      <t>リソク</t>
    </rPh>
    <phoneticPr fontId="3"/>
  </si>
  <si>
    <t>地方債利息</t>
    <rPh sb="0" eb="3">
      <t>チホウサイ</t>
    </rPh>
    <rPh sb="3" eb="5">
      <t>リソク</t>
    </rPh>
    <phoneticPr fontId="3"/>
  </si>
  <si>
    <t>一時借入金利息</t>
    <rPh sb="0" eb="2">
      <t>イチジ</t>
    </rPh>
    <rPh sb="2" eb="4">
      <t>カリイレ</t>
    </rPh>
    <rPh sb="4" eb="5">
      <t>キン</t>
    </rPh>
    <rPh sb="5" eb="7">
      <t>リソク</t>
    </rPh>
    <phoneticPr fontId="3"/>
  </si>
  <si>
    <t>収支差引 (A)-(D) (G)</t>
    <rPh sb="0" eb="2">
      <t>シュウシ</t>
    </rPh>
    <rPh sb="2" eb="4">
      <t>サシヒキ</t>
    </rPh>
    <phoneticPr fontId="3"/>
  </si>
  <si>
    <t>資本的収支</t>
    <rPh sb="0" eb="3">
      <t>シホンテキ</t>
    </rPh>
    <rPh sb="3" eb="5">
      <t>シュウシ</t>
    </rPh>
    <phoneticPr fontId="3"/>
  </si>
  <si>
    <t>資本的収入 (H)</t>
    <rPh sb="0" eb="3">
      <t>シホンテキ</t>
    </rPh>
    <rPh sb="3" eb="5">
      <t>シュウニュウ</t>
    </rPh>
    <phoneticPr fontId="3"/>
  </si>
  <si>
    <t>地方債</t>
    <rPh sb="0" eb="3">
      <t>チホウサイ</t>
    </rPh>
    <phoneticPr fontId="3"/>
  </si>
  <si>
    <t>他会計出資金</t>
    <rPh sb="0" eb="1">
      <t>タ</t>
    </rPh>
    <rPh sb="1" eb="3">
      <t>カイケイ</t>
    </rPh>
    <rPh sb="3" eb="6">
      <t>シュッシキン</t>
    </rPh>
    <phoneticPr fontId="3"/>
  </si>
  <si>
    <t>他会計補助金</t>
    <rPh sb="0" eb="1">
      <t>タ</t>
    </rPh>
    <rPh sb="1" eb="3">
      <t>カイケイ</t>
    </rPh>
    <rPh sb="3" eb="6">
      <t>ホジョキン</t>
    </rPh>
    <phoneticPr fontId="3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3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3"/>
  </si>
  <si>
    <t>工事負担金</t>
    <rPh sb="0" eb="2">
      <t>コウジ</t>
    </rPh>
    <rPh sb="2" eb="5">
      <t>フタンキン</t>
    </rPh>
    <phoneticPr fontId="3"/>
  </si>
  <si>
    <t>資本的支出 (I)</t>
    <rPh sb="0" eb="3">
      <t>シホンテキ</t>
    </rPh>
    <rPh sb="3" eb="5">
      <t>シシュツ</t>
    </rPh>
    <phoneticPr fontId="3"/>
  </si>
  <si>
    <t>建設改良費</t>
    <rPh sb="0" eb="2">
      <t>ケンセツ</t>
    </rPh>
    <rPh sb="2" eb="4">
      <t>カイリョウ</t>
    </rPh>
    <rPh sb="4" eb="5">
      <t>ヒ</t>
    </rPh>
    <phoneticPr fontId="3"/>
  </si>
  <si>
    <t>建設利息</t>
    <rPh sb="0" eb="2">
      <t>ケンセツ</t>
    </rPh>
    <rPh sb="2" eb="4">
      <t>リソク</t>
    </rPh>
    <phoneticPr fontId="3"/>
  </si>
  <si>
    <t>地方債償還金 (J)</t>
    <rPh sb="0" eb="3">
      <t>チホウサイ</t>
    </rPh>
    <rPh sb="3" eb="6">
      <t>ショウカンキン</t>
    </rPh>
    <phoneticPr fontId="3"/>
  </si>
  <si>
    <t>他会計への繰出金</t>
    <rPh sb="0" eb="1">
      <t>タ</t>
    </rPh>
    <rPh sb="1" eb="3">
      <t>カイケイ</t>
    </rPh>
    <rPh sb="5" eb="7">
      <t>クリダシ</t>
    </rPh>
    <rPh sb="7" eb="8">
      <t>キン</t>
    </rPh>
    <phoneticPr fontId="3"/>
  </si>
  <si>
    <t>収支差引 (H)-(I) (K)</t>
    <rPh sb="0" eb="2">
      <t>シュウシ</t>
    </rPh>
    <rPh sb="2" eb="4">
      <t>サシヒキ</t>
    </rPh>
    <phoneticPr fontId="3"/>
  </si>
  <si>
    <t>収支再差引 (G)+(K) (L)</t>
    <rPh sb="0" eb="2">
      <t>シュウシ</t>
    </rPh>
    <rPh sb="2" eb="3">
      <t>サイ</t>
    </rPh>
    <rPh sb="3" eb="5">
      <t>サシヒキ</t>
    </rPh>
    <phoneticPr fontId="3"/>
  </si>
  <si>
    <t>積立金 (M)</t>
    <rPh sb="0" eb="2">
      <t>ツミタテ</t>
    </rPh>
    <rPh sb="2" eb="3">
      <t>キン</t>
    </rPh>
    <phoneticPr fontId="3"/>
  </si>
  <si>
    <t>前年度からの繰越金 (N)</t>
    <rPh sb="0" eb="3">
      <t>ゼンネンド</t>
    </rPh>
    <rPh sb="6" eb="8">
      <t>クリコシ</t>
    </rPh>
    <rPh sb="8" eb="9">
      <t>キン</t>
    </rPh>
    <phoneticPr fontId="3"/>
  </si>
  <si>
    <t>うち地方債</t>
    <rPh sb="2" eb="5">
      <t>チホウサイ</t>
    </rPh>
    <phoneticPr fontId="3"/>
  </si>
  <si>
    <t>前年度繰上充用金 (O)</t>
    <rPh sb="0" eb="3">
      <t>ゼンネンド</t>
    </rPh>
    <rPh sb="3" eb="5">
      <t>クリア</t>
    </rPh>
    <rPh sb="5" eb="7">
      <t>ジュウヨウ</t>
    </rPh>
    <rPh sb="7" eb="8">
      <t>キン</t>
    </rPh>
    <phoneticPr fontId="3"/>
  </si>
  <si>
    <t>収益的支出に充てた地方債 (X)</t>
    <rPh sb="0" eb="3">
      <t>シュウエキテキ</t>
    </rPh>
    <rPh sb="3" eb="5">
      <t>シシュツ</t>
    </rPh>
    <rPh sb="6" eb="7">
      <t>ア</t>
    </rPh>
    <rPh sb="9" eb="12">
      <t>チホウサイ</t>
    </rPh>
    <phoneticPr fontId="3"/>
  </si>
  <si>
    <t>収益的支出に充てた他会計借入金 (Y)</t>
    <rPh sb="0" eb="3">
      <t>シュウエキテキ</t>
    </rPh>
    <rPh sb="3" eb="5">
      <t>シシュツ</t>
    </rPh>
    <rPh sb="6" eb="7">
      <t>ア</t>
    </rPh>
    <rPh sb="9" eb="10">
      <t>タ</t>
    </rPh>
    <rPh sb="10" eb="12">
      <t>カイケイ</t>
    </rPh>
    <rPh sb="12" eb="14">
      <t>カリイレ</t>
    </rPh>
    <rPh sb="14" eb="15">
      <t>キン</t>
    </rPh>
    <phoneticPr fontId="3"/>
  </si>
  <si>
    <t>形式収支 (L)-(M)+(N)-(O)+(X)+(Y) (P)</t>
    <rPh sb="0" eb="2">
      <t>ケイシキ</t>
    </rPh>
    <rPh sb="2" eb="4">
      <t>シュウシ</t>
    </rPh>
    <phoneticPr fontId="3"/>
  </si>
  <si>
    <t>未収入特定財源</t>
    <rPh sb="0" eb="3">
      <t>ミシュウニュウ</t>
    </rPh>
    <rPh sb="3" eb="5">
      <t>トクテイ</t>
    </rPh>
    <rPh sb="5" eb="7">
      <t>ザイゲン</t>
    </rPh>
    <phoneticPr fontId="3"/>
  </si>
  <si>
    <t>国庫（県）支出金</t>
    <rPh sb="0" eb="2">
      <t>コッコ</t>
    </rPh>
    <rPh sb="3" eb="4">
      <t>ケン</t>
    </rPh>
    <rPh sb="5" eb="8">
      <t>シシュツキン</t>
    </rPh>
    <phoneticPr fontId="3"/>
  </si>
  <si>
    <t>翌年度に繰越すべき財源 (Q)</t>
    <rPh sb="0" eb="3">
      <t>ヨクネンド</t>
    </rPh>
    <rPh sb="4" eb="6">
      <t>クリコ</t>
    </rPh>
    <rPh sb="9" eb="11">
      <t>ザイゲン</t>
    </rPh>
    <phoneticPr fontId="3"/>
  </si>
  <si>
    <t>実質収支
(P)-(Q)</t>
    <rPh sb="0" eb="2">
      <t>ジッシツ</t>
    </rPh>
    <rPh sb="2" eb="4">
      <t>シュウシ</t>
    </rPh>
    <phoneticPr fontId="3"/>
  </si>
  <si>
    <t>黒字</t>
    <rPh sb="0" eb="2">
      <t>クロジ</t>
    </rPh>
    <phoneticPr fontId="3"/>
  </si>
  <si>
    <t>繰上充用金</t>
    <rPh sb="0" eb="2">
      <t>クリアゲ</t>
    </rPh>
    <rPh sb="2" eb="4">
      <t>ジュウヨウ</t>
    </rPh>
    <rPh sb="4" eb="5">
      <t>キン</t>
    </rPh>
    <phoneticPr fontId="3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3"/>
  </si>
  <si>
    <t>地方債償還金のうち繰上償還金分</t>
    <rPh sb="0" eb="3">
      <t>チホウサイ</t>
    </rPh>
    <rPh sb="3" eb="6">
      <t>ショウカンキン</t>
    </rPh>
    <rPh sb="9" eb="11">
      <t>クリア</t>
    </rPh>
    <rPh sb="11" eb="13">
      <t>ショウカン</t>
    </rPh>
    <rPh sb="13" eb="14">
      <t>キン</t>
    </rPh>
    <rPh sb="14" eb="15">
      <t>ブン</t>
    </rPh>
    <phoneticPr fontId="3"/>
  </si>
  <si>
    <t>収益的収支に関する繰入金</t>
    <rPh sb="0" eb="3">
      <t>シュウエキ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3"/>
  </si>
  <si>
    <t>繰出基準に基づく繰入金</t>
    <rPh sb="0" eb="2">
      <t>クリダ</t>
    </rPh>
    <rPh sb="2" eb="4">
      <t>キジュン</t>
    </rPh>
    <rPh sb="5" eb="6">
      <t>モト</t>
    </rPh>
    <rPh sb="8" eb="10">
      <t>クリイレ</t>
    </rPh>
    <rPh sb="10" eb="11">
      <t>キン</t>
    </rPh>
    <phoneticPr fontId="3"/>
  </si>
  <si>
    <t>繰出基準以外の繰入金</t>
    <rPh sb="0" eb="2">
      <t>クリダ</t>
    </rPh>
    <rPh sb="2" eb="4">
      <t>キジュン</t>
    </rPh>
    <rPh sb="4" eb="6">
      <t>イガイ</t>
    </rPh>
    <rPh sb="7" eb="9">
      <t>クリイレ</t>
    </rPh>
    <rPh sb="9" eb="10">
      <t>キン</t>
    </rPh>
    <phoneticPr fontId="3"/>
  </si>
  <si>
    <t>資本的収支に関する繰入金</t>
    <rPh sb="0" eb="2">
      <t>シホン</t>
    </rPh>
    <rPh sb="2" eb="3">
      <t>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3"/>
  </si>
  <si>
    <t>　　　　　　　　　　　　団体名
　区分</t>
  </si>
  <si>
    <t>地方債現在高</t>
    <rPh sb="0" eb="3">
      <t>チホウサイ</t>
    </rPh>
    <rPh sb="3" eb="6">
      <t>ゲンザイダカ</t>
    </rPh>
    <phoneticPr fontId="3"/>
  </si>
  <si>
    <t>財政融資資金</t>
    <rPh sb="0" eb="2">
      <t>ザイセイ</t>
    </rPh>
    <rPh sb="2" eb="4">
      <t>ユウシ</t>
    </rPh>
    <rPh sb="4" eb="6">
      <t>シキン</t>
    </rPh>
    <phoneticPr fontId="3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3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3"/>
  </si>
  <si>
    <t>　　　　　　　　　　　　団体名
　区分</t>
    <phoneticPr fontId="2"/>
  </si>
  <si>
    <t>赤字</t>
    <rPh sb="0" eb="2">
      <t>アカジ</t>
    </rPh>
    <phoneticPr fontId="3"/>
  </si>
  <si>
    <t>S36.12.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;&quot;△ &quot;#,##0_ "/>
    <numFmt numFmtId="177" formatCode="#,##0.0_ ;&quot;△ &quot;#,##0.0_ "/>
    <numFmt numFmtId="178" formatCode="&quot;▲&quot;#,##0_ ;#,##0_ "/>
  </numFmts>
  <fonts count="7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ゴシック"/>
      <family val="3"/>
      <charset val="128"/>
    </font>
    <font>
      <sz val="7"/>
      <name val="ＭＳ ゴシック"/>
      <family val="3"/>
      <charset val="128"/>
    </font>
    <font>
      <sz val="12"/>
      <name val="ＭＳ ゴシック"/>
      <family val="3"/>
      <charset val="128"/>
    </font>
    <font>
      <sz val="7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5" fillId="0" borderId="0">
      <alignment vertical="center"/>
    </xf>
  </cellStyleXfs>
  <cellXfs count="84">
    <xf numFmtId="0" fontId="0" fillId="0" borderId="0" xfId="0">
      <alignment vertical="center"/>
    </xf>
    <xf numFmtId="0" fontId="4" fillId="0" borderId="1" xfId="0" applyFont="1" applyBorder="1" applyAlignment="1">
      <alignment horizontal="center" vertical="center"/>
    </xf>
    <xf numFmtId="38" fontId="4" fillId="0" borderId="21" xfId="1" applyFont="1" applyFill="1" applyBorder="1" applyAlignment="1">
      <alignment horizontal="center" vertical="center"/>
    </xf>
    <xf numFmtId="176" fontId="4" fillId="0" borderId="22" xfId="1" applyNumberFormat="1" applyFont="1" applyFill="1" applyBorder="1" applyAlignment="1">
      <alignment horizontal="center" vertical="center"/>
    </xf>
    <xf numFmtId="176" fontId="4" fillId="0" borderId="22" xfId="1" applyNumberFormat="1" applyFont="1" applyFill="1" applyBorder="1" applyAlignment="1">
      <alignment horizontal="right" vertical="center"/>
    </xf>
    <xf numFmtId="176" fontId="4" fillId="0" borderId="23" xfId="1" applyNumberFormat="1" applyFont="1" applyFill="1" applyBorder="1" applyAlignment="1">
      <alignment horizontal="right" vertical="center"/>
    </xf>
    <xf numFmtId="0" fontId="4" fillId="0" borderId="0" xfId="0" applyFont="1">
      <alignment vertical="center"/>
    </xf>
    <xf numFmtId="0" fontId="4" fillId="0" borderId="21" xfId="0" applyFont="1" applyBorder="1" applyAlignment="1">
      <alignment horizontal="center" vertical="center"/>
    </xf>
    <xf numFmtId="176" fontId="4" fillId="0" borderId="44" xfId="1" applyNumberFormat="1" applyFont="1" applyFill="1" applyBorder="1" applyAlignment="1">
      <alignment horizontal="right" vertical="center"/>
    </xf>
    <xf numFmtId="178" fontId="4" fillId="0" borderId="22" xfId="1" applyNumberFormat="1" applyFont="1" applyFill="1" applyBorder="1" applyAlignment="1">
      <alignment horizontal="right" vertical="center"/>
    </xf>
    <xf numFmtId="0" fontId="4" fillId="0" borderId="2" xfId="0" applyFont="1" applyBorder="1" applyAlignment="1">
      <alignment horizontal="center" vertical="center"/>
    </xf>
    <xf numFmtId="0" fontId="4" fillId="0" borderId="2" xfId="0" applyFont="1" applyBorder="1" applyAlignment="1">
      <alignment vertical="center" wrapText="1"/>
    </xf>
    <xf numFmtId="0" fontId="4" fillId="0" borderId="3" xfId="0" applyFont="1" applyBorder="1" applyAlignment="1">
      <alignment horizontal="center" vertical="center"/>
    </xf>
    <xf numFmtId="0" fontId="4" fillId="0" borderId="3" xfId="0" applyFont="1" applyBorder="1">
      <alignment vertical="center"/>
    </xf>
    <xf numFmtId="0" fontId="6" fillId="0" borderId="0" xfId="0" applyFont="1" applyAlignment="1">
      <alignment horizontal="right" vertical="center"/>
    </xf>
    <xf numFmtId="0" fontId="4" fillId="0" borderId="0" xfId="0" applyFont="1" applyAlignment="1">
      <alignment horizontal="left" vertical="center"/>
    </xf>
    <xf numFmtId="0" fontId="4" fillId="0" borderId="11" xfId="0" applyFont="1" applyBorder="1">
      <alignment vertical="center"/>
    </xf>
    <xf numFmtId="0" fontId="4" fillId="0" borderId="12" xfId="0" applyFont="1" applyBorder="1">
      <alignment vertical="center"/>
    </xf>
    <xf numFmtId="0" fontId="4" fillId="0" borderId="13" xfId="0" applyFont="1" applyBorder="1">
      <alignment vertical="center"/>
    </xf>
    <xf numFmtId="0" fontId="4" fillId="0" borderId="14" xfId="0" applyFont="1" applyBorder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4" fillId="0" borderId="28" xfId="0" applyFont="1" applyBorder="1">
      <alignment vertical="center"/>
    </xf>
    <xf numFmtId="38" fontId="4" fillId="0" borderId="0" xfId="1" applyFont="1" applyFill="1">
      <alignment vertical="center"/>
    </xf>
    <xf numFmtId="176" fontId="4" fillId="0" borderId="0" xfId="0" applyNumberFormat="1" applyFont="1">
      <alignment vertical="center"/>
    </xf>
    <xf numFmtId="177" fontId="4" fillId="0" borderId="0" xfId="0" applyNumberFormat="1" applyFont="1">
      <alignment vertical="center"/>
    </xf>
    <xf numFmtId="0" fontId="4" fillId="0" borderId="13" xfId="0" applyFont="1" applyBorder="1" applyAlignment="1">
      <alignment horizontal="left" vertical="center"/>
    </xf>
    <xf numFmtId="0" fontId="4" fillId="0" borderId="31" xfId="0" applyFont="1" applyBorder="1">
      <alignment vertical="center"/>
    </xf>
    <xf numFmtId="0" fontId="4" fillId="0" borderId="17" xfId="0" applyFont="1" applyBorder="1">
      <alignment vertical="center"/>
    </xf>
    <xf numFmtId="0" fontId="4" fillId="0" borderId="18" xfId="0" applyFont="1" applyBorder="1">
      <alignment vertical="center"/>
    </xf>
    <xf numFmtId="0" fontId="4" fillId="0" borderId="36" xfId="0" applyFont="1" applyBorder="1">
      <alignment vertical="center"/>
    </xf>
    <xf numFmtId="0" fontId="4" fillId="0" borderId="38" xfId="0" applyFont="1" applyBorder="1" applyAlignment="1">
      <alignment vertical="center" wrapText="1"/>
    </xf>
    <xf numFmtId="0" fontId="0" fillId="0" borderId="39" xfId="0" applyBorder="1">
      <alignment vertical="center"/>
    </xf>
    <xf numFmtId="0" fontId="0" fillId="0" borderId="40" xfId="0" applyBorder="1">
      <alignment vertical="center"/>
    </xf>
    <xf numFmtId="0" fontId="0" fillId="0" borderId="41" xfId="0" applyBorder="1">
      <alignment vertical="center"/>
    </xf>
    <xf numFmtId="0" fontId="0" fillId="0" borderId="42" xfId="0" applyBorder="1">
      <alignment vertical="center"/>
    </xf>
    <xf numFmtId="0" fontId="0" fillId="0" borderId="43" xfId="0" applyBorder="1">
      <alignment vertical="center"/>
    </xf>
    <xf numFmtId="0" fontId="4" fillId="0" borderId="16" xfId="0" applyFont="1" applyBorder="1" applyAlignment="1">
      <alignment vertical="center" textRotation="255"/>
    </xf>
    <xf numFmtId="0" fontId="4" fillId="0" borderId="17" xfId="0" applyFont="1" applyBorder="1" applyAlignment="1">
      <alignment vertical="center" textRotation="255"/>
    </xf>
    <xf numFmtId="0" fontId="4" fillId="0" borderId="18" xfId="0" applyFont="1" applyBorder="1" applyAlignment="1">
      <alignment vertical="center" textRotation="255"/>
    </xf>
    <xf numFmtId="0" fontId="4" fillId="0" borderId="8" xfId="0" applyFont="1" applyBorder="1">
      <alignment vertical="center"/>
    </xf>
    <xf numFmtId="0" fontId="4" fillId="0" borderId="9" xfId="0" applyFont="1" applyBorder="1">
      <alignment vertical="center"/>
    </xf>
    <xf numFmtId="0" fontId="4" fillId="0" borderId="37" xfId="0" applyFont="1" applyBorder="1" applyAlignment="1">
      <alignment horizontal="left" vertical="center"/>
    </xf>
    <xf numFmtId="0" fontId="4" fillId="0" borderId="20" xfId="0" applyFont="1" applyBorder="1" applyAlignment="1">
      <alignment horizontal="left" vertical="center"/>
    </xf>
    <xf numFmtId="0" fontId="4" fillId="0" borderId="4" xfId="0" applyFont="1" applyBorder="1">
      <alignment vertical="center"/>
    </xf>
    <xf numFmtId="0" fontId="4" fillId="0" borderId="5" xfId="0" applyFont="1" applyBorder="1">
      <alignment vertical="center"/>
    </xf>
    <xf numFmtId="0" fontId="4" fillId="0" borderId="6" xfId="0" applyFont="1" applyBorder="1">
      <alignment vertical="center"/>
    </xf>
    <xf numFmtId="0" fontId="4" fillId="0" borderId="7" xfId="0" applyFont="1" applyBorder="1" applyAlignment="1">
      <alignment vertical="center" textRotation="255"/>
    </xf>
    <xf numFmtId="0" fontId="4" fillId="0" borderId="10" xfId="0" applyFont="1" applyBorder="1" applyAlignment="1">
      <alignment vertical="center" textRotation="255"/>
    </xf>
    <xf numFmtId="0" fontId="4" fillId="0" borderId="15" xfId="0" applyFont="1" applyBorder="1" applyAlignment="1">
      <alignment vertical="center" textRotation="255"/>
    </xf>
    <xf numFmtId="0" fontId="4" fillId="0" borderId="8" xfId="0" applyFont="1" applyBorder="1" applyAlignment="1">
      <alignment horizontal="left" vertical="center"/>
    </xf>
    <xf numFmtId="0" fontId="4" fillId="0" borderId="9" xfId="0" applyFont="1" applyBorder="1" applyAlignment="1">
      <alignment horizontal="left" vertical="center"/>
    </xf>
    <xf numFmtId="0" fontId="4" fillId="0" borderId="10" xfId="0" applyFont="1" applyBorder="1">
      <alignment vertical="center"/>
    </xf>
    <xf numFmtId="0" fontId="4" fillId="0" borderId="24" xfId="0" applyFont="1" applyBorder="1" applyAlignment="1">
      <alignment horizontal="center" vertical="center" textRotation="255"/>
    </xf>
    <xf numFmtId="0" fontId="4" fillId="0" borderId="10" xfId="0" applyFont="1" applyBorder="1" applyAlignment="1">
      <alignment horizontal="center" vertical="center" textRotation="255"/>
    </xf>
    <xf numFmtId="0" fontId="4" fillId="0" borderId="15" xfId="0" applyFont="1" applyBorder="1" applyAlignment="1">
      <alignment horizontal="center" vertical="center" textRotation="255"/>
    </xf>
    <xf numFmtId="0" fontId="4" fillId="0" borderId="25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11" xfId="0" applyFont="1" applyBorder="1" applyAlignment="1">
      <alignment horizontal="left" vertical="center"/>
    </xf>
    <xf numFmtId="0" fontId="4" fillId="0" borderId="26" xfId="0" applyFont="1" applyBorder="1" applyAlignment="1">
      <alignment horizontal="left" vertical="center"/>
    </xf>
    <xf numFmtId="0" fontId="4" fillId="0" borderId="27" xfId="0" applyFont="1" applyBorder="1" applyAlignment="1">
      <alignment horizontal="left" vertical="center"/>
    </xf>
    <xf numFmtId="0" fontId="4" fillId="0" borderId="29" xfId="0" applyFont="1" applyBorder="1" applyAlignment="1">
      <alignment horizontal="left" vertical="center"/>
    </xf>
    <xf numFmtId="0" fontId="4" fillId="0" borderId="30" xfId="0" applyFont="1" applyBorder="1" applyAlignment="1">
      <alignment horizontal="left" vertical="center"/>
    </xf>
    <xf numFmtId="0" fontId="4" fillId="0" borderId="7" xfId="0" applyFont="1" applyBorder="1" applyAlignment="1">
      <alignment horizontal="center" vertical="center" textRotation="255"/>
    </xf>
    <xf numFmtId="0" fontId="4" fillId="0" borderId="16" xfId="0" applyFont="1" applyBorder="1" applyAlignment="1">
      <alignment horizontal="left" vertical="center"/>
    </xf>
    <xf numFmtId="0" fontId="4" fillId="0" borderId="29" xfId="0" applyFont="1" applyBorder="1">
      <alignment vertical="center"/>
    </xf>
    <xf numFmtId="0" fontId="4" fillId="0" borderId="30" xfId="0" applyFont="1" applyBorder="1" applyAlignment="1">
      <alignment horizontal="left" vertical="center" shrinkToFit="1"/>
    </xf>
    <xf numFmtId="0" fontId="4" fillId="0" borderId="29" xfId="0" applyFont="1" applyBorder="1" applyAlignment="1">
      <alignment horizontal="left" vertical="center" shrinkToFit="1"/>
    </xf>
    <xf numFmtId="0" fontId="4" fillId="0" borderId="9" xfId="0" applyFont="1" applyBorder="1" applyAlignment="1">
      <alignment horizontal="left" vertical="center" shrinkToFit="1"/>
    </xf>
    <xf numFmtId="0" fontId="4" fillId="0" borderId="16" xfId="0" applyFont="1" applyBorder="1" applyAlignment="1">
      <alignment horizontal="center" vertical="center" wrapText="1"/>
    </xf>
    <xf numFmtId="0" fontId="4" fillId="0" borderId="26" xfId="0" applyFont="1" applyBorder="1" applyAlignment="1">
      <alignment horizontal="center" vertical="center" wrapText="1"/>
    </xf>
    <xf numFmtId="0" fontId="4" fillId="0" borderId="32" xfId="0" applyFont="1" applyBorder="1" applyAlignment="1">
      <alignment horizontal="center" vertical="center" wrapText="1"/>
    </xf>
    <xf numFmtId="0" fontId="4" fillId="0" borderId="31" xfId="0" applyFont="1" applyBorder="1" applyAlignment="1">
      <alignment horizontal="center" vertical="center" wrapText="1"/>
    </xf>
    <xf numFmtId="0" fontId="4" fillId="0" borderId="28" xfId="0" applyFont="1" applyBorder="1" applyAlignment="1">
      <alignment horizontal="center" vertical="center" wrapText="1"/>
    </xf>
    <xf numFmtId="0" fontId="4" fillId="0" borderId="33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 textRotation="255" wrapText="1"/>
    </xf>
    <xf numFmtId="0" fontId="4" fillId="0" borderId="45" xfId="0" applyFont="1" applyBorder="1" applyAlignment="1">
      <alignment horizontal="center" vertical="center" textRotation="255"/>
    </xf>
    <xf numFmtId="0" fontId="4" fillId="0" borderId="34" xfId="0" applyFont="1" applyBorder="1" applyAlignment="1">
      <alignment horizontal="center" vertical="center" textRotation="255"/>
    </xf>
    <xf numFmtId="0" fontId="4" fillId="0" borderId="35" xfId="0" applyFont="1" applyBorder="1" applyAlignment="1">
      <alignment horizontal="center" vertical="center" textRotation="255"/>
    </xf>
    <xf numFmtId="0" fontId="4" fillId="0" borderId="45" xfId="0" applyFont="1" applyBorder="1" applyAlignment="1">
      <alignment horizontal="left" vertical="center"/>
    </xf>
    <xf numFmtId="0" fontId="4" fillId="0" borderId="46" xfId="0" applyFont="1" applyBorder="1" applyAlignment="1">
      <alignment horizontal="left" vertical="center"/>
    </xf>
    <xf numFmtId="0" fontId="4" fillId="0" borderId="35" xfId="0" applyFont="1" applyBorder="1" applyAlignment="1">
      <alignment horizontal="left" vertical="center"/>
    </xf>
    <xf numFmtId="0" fontId="4" fillId="0" borderId="12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</cellXfs>
  <cellStyles count="3">
    <cellStyle name="桁区切り" xfId="1" builtinId="6"/>
    <cellStyle name="標準" xfId="0" builtinId="0"/>
    <cellStyle name="標準 2" xfId="2" xr:uid="{00000000-0005-0000-0000-000002000000}"/>
  </cellStyles>
  <dxfs count="2"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R75"/>
  <sheetViews>
    <sheetView tabSelected="1" view="pageBreakPreview" zoomScaleNormal="100" zoomScaleSheetLayoutView="100" zoomScalePageLayoutView="115" workbookViewId="0">
      <selection sqref="A1:C2"/>
    </sheetView>
  </sheetViews>
  <sheetFormatPr defaultColWidth="9.58203125" defaultRowHeight="10" customHeight="1" x14ac:dyDescent="0.2"/>
  <cols>
    <col min="1" max="1" width="2.58203125" style="6" customWidth="1"/>
    <col min="2" max="2" width="13.58203125" style="6" customWidth="1"/>
    <col min="3" max="3" width="5.58203125" style="6" customWidth="1"/>
    <col min="4" max="10" width="0" style="6" hidden="1" customWidth="1"/>
    <col min="11" max="12" width="9.58203125" style="6"/>
    <col min="13" max="16" width="1.58203125" style="6" customWidth="1"/>
    <col min="17" max="17" width="15.58203125" style="6" customWidth="1"/>
    <col min="18" max="16384" width="9.58203125" style="6"/>
  </cols>
  <sheetData>
    <row r="1" spans="1:18" ht="10" customHeight="1" x14ac:dyDescent="0.2">
      <c r="A1" s="31" t="s">
        <v>77</v>
      </c>
      <c r="B1" s="32"/>
      <c r="C1" s="33"/>
      <c r="D1" s="1">
        <v>28</v>
      </c>
      <c r="E1" s="10"/>
      <c r="F1" s="10"/>
      <c r="G1" s="10"/>
      <c r="H1" s="10"/>
      <c r="I1" s="10"/>
      <c r="J1" s="11"/>
      <c r="K1" s="1" t="s">
        <v>19</v>
      </c>
      <c r="M1" s="31" t="s">
        <v>72</v>
      </c>
      <c r="N1" s="32"/>
      <c r="O1" s="32"/>
      <c r="P1" s="32"/>
      <c r="Q1" s="33"/>
      <c r="R1" s="1" t="s">
        <v>19</v>
      </c>
    </row>
    <row r="2" spans="1:18" ht="10" customHeight="1" x14ac:dyDescent="0.2">
      <c r="A2" s="34"/>
      <c r="B2" s="35"/>
      <c r="C2" s="36"/>
      <c r="D2" s="1"/>
      <c r="E2" s="1"/>
      <c r="F2" s="1"/>
      <c r="G2" s="1"/>
      <c r="H2" s="1"/>
      <c r="I2" s="1"/>
      <c r="J2" s="12"/>
      <c r="K2" s="2" t="s">
        <v>18</v>
      </c>
      <c r="M2" s="34"/>
      <c r="N2" s="35"/>
      <c r="O2" s="35"/>
      <c r="P2" s="35"/>
      <c r="Q2" s="36"/>
      <c r="R2" s="7"/>
    </row>
    <row r="3" spans="1:18" ht="10" customHeight="1" x14ac:dyDescent="0.2">
      <c r="A3" s="44" t="s">
        <v>0</v>
      </c>
      <c r="B3" s="45"/>
      <c r="C3" s="46"/>
      <c r="D3" s="13"/>
      <c r="E3" s="13"/>
      <c r="F3" s="13"/>
      <c r="G3" s="13"/>
      <c r="H3" s="13"/>
      <c r="I3" s="13"/>
      <c r="J3" s="13"/>
      <c r="K3" s="3" t="s">
        <v>79</v>
      </c>
      <c r="L3" s="14"/>
      <c r="M3" s="53" t="s">
        <v>20</v>
      </c>
      <c r="N3" s="56" t="s">
        <v>21</v>
      </c>
      <c r="O3" s="56"/>
      <c r="P3" s="56"/>
      <c r="Q3" s="57"/>
      <c r="R3" s="4">
        <v>255673</v>
      </c>
    </row>
    <row r="4" spans="1:18" ht="10" customHeight="1" x14ac:dyDescent="0.2">
      <c r="A4" s="47" t="s">
        <v>1</v>
      </c>
      <c r="B4" s="40" t="s">
        <v>2</v>
      </c>
      <c r="C4" s="41"/>
      <c r="D4" s="13"/>
      <c r="E4" s="13"/>
      <c r="F4" s="13"/>
      <c r="G4" s="13"/>
      <c r="H4" s="13"/>
      <c r="I4" s="13"/>
      <c r="J4" s="13"/>
      <c r="K4" s="4">
        <v>3877</v>
      </c>
      <c r="L4" s="14"/>
      <c r="M4" s="54"/>
      <c r="N4" s="15"/>
      <c r="O4" s="58" t="s">
        <v>22</v>
      </c>
      <c r="P4" s="59"/>
      <c r="Q4" s="60"/>
      <c r="R4" s="4">
        <v>107707</v>
      </c>
    </row>
    <row r="5" spans="1:18" ht="10" customHeight="1" x14ac:dyDescent="0.2">
      <c r="A5" s="48"/>
      <c r="B5" s="16" t="s">
        <v>3</v>
      </c>
      <c r="C5" s="17" t="s">
        <v>4</v>
      </c>
      <c r="D5" s="13"/>
      <c r="E5" s="13"/>
      <c r="F5" s="13"/>
      <c r="G5" s="13"/>
      <c r="H5" s="13"/>
      <c r="I5" s="13"/>
      <c r="J5" s="13"/>
      <c r="K5" s="4">
        <v>11457</v>
      </c>
      <c r="L5" s="14"/>
      <c r="M5" s="54"/>
      <c r="O5" s="18"/>
      <c r="P5" s="50" t="s">
        <v>23</v>
      </c>
      <c r="Q5" s="51"/>
      <c r="R5" s="4">
        <v>97025</v>
      </c>
    </row>
    <row r="6" spans="1:18" ht="10" customHeight="1" x14ac:dyDescent="0.2">
      <c r="A6" s="48"/>
      <c r="B6" s="18"/>
      <c r="C6" s="17" t="s">
        <v>5</v>
      </c>
      <c r="D6" s="13"/>
      <c r="E6" s="13"/>
      <c r="F6" s="13"/>
      <c r="G6" s="13"/>
      <c r="H6" s="13"/>
      <c r="I6" s="13"/>
      <c r="J6" s="13"/>
      <c r="K6" s="4">
        <v>0</v>
      </c>
      <c r="L6" s="14"/>
      <c r="M6" s="54"/>
      <c r="O6" s="18"/>
      <c r="P6" s="50" t="s">
        <v>24</v>
      </c>
      <c r="Q6" s="51"/>
      <c r="R6" s="4">
        <v>0</v>
      </c>
    </row>
    <row r="7" spans="1:18" ht="10" customHeight="1" x14ac:dyDescent="0.2">
      <c r="A7" s="48"/>
      <c r="B7" s="18"/>
      <c r="C7" s="17" t="s">
        <v>6</v>
      </c>
      <c r="D7" s="13"/>
      <c r="E7" s="13"/>
      <c r="F7" s="13"/>
      <c r="G7" s="13"/>
      <c r="H7" s="13"/>
      <c r="I7" s="13"/>
      <c r="J7" s="13"/>
      <c r="K7" s="4">
        <v>53899</v>
      </c>
      <c r="L7" s="14"/>
      <c r="M7" s="54"/>
      <c r="O7" s="19"/>
      <c r="P7" s="50" t="s">
        <v>8</v>
      </c>
      <c r="Q7" s="51"/>
      <c r="R7" s="4">
        <v>10682</v>
      </c>
    </row>
    <row r="8" spans="1:18" ht="10" customHeight="1" x14ac:dyDescent="0.2">
      <c r="A8" s="48"/>
      <c r="B8" s="18"/>
      <c r="C8" s="17" t="s">
        <v>7</v>
      </c>
      <c r="D8" s="13"/>
      <c r="E8" s="13"/>
      <c r="F8" s="13"/>
      <c r="G8" s="13"/>
      <c r="H8" s="13"/>
      <c r="I8" s="13"/>
      <c r="J8" s="13"/>
      <c r="K8" s="4">
        <v>84</v>
      </c>
      <c r="L8" s="14"/>
      <c r="M8" s="54"/>
      <c r="O8" s="58" t="s">
        <v>25</v>
      </c>
      <c r="P8" s="59"/>
      <c r="Q8" s="60"/>
      <c r="R8" s="4">
        <v>147966</v>
      </c>
    </row>
    <row r="9" spans="1:18" ht="10" customHeight="1" x14ac:dyDescent="0.2">
      <c r="A9" s="48"/>
      <c r="B9" s="18"/>
      <c r="C9" s="17" t="s">
        <v>8</v>
      </c>
      <c r="D9" s="13"/>
      <c r="E9" s="13"/>
      <c r="F9" s="13"/>
      <c r="G9" s="13"/>
      <c r="H9" s="13"/>
      <c r="I9" s="13"/>
      <c r="J9" s="13"/>
      <c r="K9" s="4">
        <v>0</v>
      </c>
      <c r="L9" s="14"/>
      <c r="M9" s="54"/>
      <c r="O9" s="18"/>
      <c r="P9" s="50" t="s">
        <v>26</v>
      </c>
      <c r="Q9" s="51"/>
      <c r="R9" s="4">
        <v>0</v>
      </c>
    </row>
    <row r="10" spans="1:18" ht="10" customHeight="1" x14ac:dyDescent="0.2">
      <c r="A10" s="48"/>
      <c r="B10" s="19"/>
      <c r="C10" s="20" t="s">
        <v>9</v>
      </c>
      <c r="D10" s="21"/>
      <c r="E10" s="21"/>
      <c r="F10" s="21"/>
      <c r="G10" s="21"/>
      <c r="H10" s="21"/>
      <c r="I10" s="21"/>
      <c r="J10" s="13"/>
      <c r="K10" s="4">
        <v>65440</v>
      </c>
      <c r="L10" s="14"/>
      <c r="M10" s="54"/>
      <c r="O10" s="18"/>
      <c r="P10" s="50" t="s">
        <v>27</v>
      </c>
      <c r="Q10" s="51"/>
      <c r="R10" s="4">
        <v>0</v>
      </c>
    </row>
    <row r="11" spans="1:18" ht="10" customHeight="1" x14ac:dyDescent="0.2">
      <c r="A11" s="49"/>
      <c r="B11" s="50" t="s">
        <v>10</v>
      </c>
      <c r="C11" s="51"/>
      <c r="D11" s="13"/>
      <c r="E11" s="13"/>
      <c r="F11" s="13"/>
      <c r="G11" s="13"/>
      <c r="H11" s="13"/>
      <c r="I11" s="13"/>
      <c r="J11" s="13"/>
      <c r="K11" s="4">
        <v>269</v>
      </c>
      <c r="L11" s="14"/>
      <c r="M11" s="54"/>
      <c r="O11" s="18"/>
      <c r="P11" s="50" t="s">
        <v>28</v>
      </c>
      <c r="Q11" s="51"/>
      <c r="R11" s="4">
        <v>135696</v>
      </c>
    </row>
    <row r="12" spans="1:18" ht="10" customHeight="1" x14ac:dyDescent="0.2">
      <c r="A12" s="47" t="s">
        <v>11</v>
      </c>
      <c r="B12" s="16" t="s">
        <v>12</v>
      </c>
      <c r="C12" s="17" t="s">
        <v>4</v>
      </c>
      <c r="D12" s="13"/>
      <c r="E12" s="13"/>
      <c r="F12" s="13"/>
      <c r="G12" s="13"/>
      <c r="H12" s="13"/>
      <c r="I12" s="13"/>
      <c r="J12" s="13"/>
      <c r="K12" s="4">
        <v>4206</v>
      </c>
      <c r="L12" s="14"/>
      <c r="M12" s="54"/>
      <c r="O12" s="18"/>
      <c r="P12" s="58" t="s">
        <v>8</v>
      </c>
      <c r="Q12" s="60"/>
      <c r="R12" s="4">
        <v>12270</v>
      </c>
    </row>
    <row r="13" spans="1:18" ht="10" customHeight="1" x14ac:dyDescent="0.2">
      <c r="A13" s="48"/>
      <c r="B13" s="18"/>
      <c r="C13" s="17" t="s">
        <v>5</v>
      </c>
      <c r="D13" s="13"/>
      <c r="E13" s="13"/>
      <c r="F13" s="13"/>
      <c r="G13" s="13"/>
      <c r="H13" s="13"/>
      <c r="I13" s="13"/>
      <c r="J13" s="13"/>
      <c r="K13" s="4">
        <v>2776</v>
      </c>
      <c r="L13" s="14"/>
      <c r="M13" s="54"/>
      <c r="N13" s="59" t="s">
        <v>29</v>
      </c>
      <c r="O13" s="59"/>
      <c r="P13" s="59"/>
      <c r="Q13" s="60"/>
      <c r="R13" s="4">
        <v>262548</v>
      </c>
    </row>
    <row r="14" spans="1:18" ht="10" customHeight="1" x14ac:dyDescent="0.2">
      <c r="A14" s="48"/>
      <c r="B14" s="18"/>
      <c r="C14" s="17" t="s">
        <v>6</v>
      </c>
      <c r="D14" s="13"/>
      <c r="E14" s="13"/>
      <c r="F14" s="13"/>
      <c r="G14" s="13"/>
      <c r="H14" s="13"/>
      <c r="I14" s="13"/>
      <c r="J14" s="13"/>
      <c r="K14" s="4">
        <v>853</v>
      </c>
      <c r="L14" s="14"/>
      <c r="M14" s="54"/>
      <c r="N14" s="15"/>
      <c r="O14" s="58" t="s">
        <v>30</v>
      </c>
      <c r="P14" s="59"/>
      <c r="Q14" s="60"/>
      <c r="R14" s="4">
        <v>262547</v>
      </c>
    </row>
    <row r="15" spans="1:18" ht="10" customHeight="1" x14ac:dyDescent="0.2">
      <c r="A15" s="48"/>
      <c r="B15" s="18"/>
      <c r="C15" s="17" t="s">
        <v>7</v>
      </c>
      <c r="D15" s="13"/>
      <c r="E15" s="13"/>
      <c r="F15" s="13"/>
      <c r="G15" s="13"/>
      <c r="H15" s="13"/>
      <c r="I15" s="13"/>
      <c r="J15" s="13"/>
      <c r="K15" s="4">
        <v>2283</v>
      </c>
      <c r="L15" s="14"/>
      <c r="M15" s="54"/>
      <c r="O15" s="18"/>
      <c r="P15" s="50" t="s">
        <v>31</v>
      </c>
      <c r="Q15" s="51"/>
      <c r="R15" s="4">
        <v>30480</v>
      </c>
    </row>
    <row r="16" spans="1:18" ht="10" customHeight="1" x14ac:dyDescent="0.2">
      <c r="A16" s="48"/>
      <c r="B16" s="19"/>
      <c r="C16" s="17" t="s">
        <v>8</v>
      </c>
      <c r="D16" s="13"/>
      <c r="E16" s="13"/>
      <c r="F16" s="13"/>
      <c r="G16" s="13"/>
      <c r="H16" s="13"/>
      <c r="I16" s="13"/>
      <c r="J16" s="13"/>
      <c r="K16" s="4">
        <v>479</v>
      </c>
      <c r="L16" s="14"/>
      <c r="M16" s="54"/>
      <c r="O16" s="18"/>
      <c r="P16" s="50" t="s">
        <v>32</v>
      </c>
      <c r="Q16" s="51"/>
      <c r="R16" s="4">
        <v>0</v>
      </c>
    </row>
    <row r="17" spans="1:18" ht="10" customHeight="1" x14ac:dyDescent="0.2">
      <c r="A17" s="48"/>
      <c r="B17" s="16" t="s">
        <v>13</v>
      </c>
      <c r="C17" s="17" t="s">
        <v>4</v>
      </c>
      <c r="D17" s="13"/>
      <c r="E17" s="13"/>
      <c r="F17" s="13"/>
      <c r="G17" s="13"/>
      <c r="H17" s="13"/>
      <c r="I17" s="13"/>
      <c r="J17" s="13"/>
      <c r="K17" s="4">
        <v>4840</v>
      </c>
      <c r="L17" s="14"/>
      <c r="M17" s="54"/>
      <c r="O17" s="19"/>
      <c r="P17" s="50" t="s">
        <v>8</v>
      </c>
      <c r="Q17" s="51"/>
      <c r="R17" s="4">
        <v>232067</v>
      </c>
    </row>
    <row r="18" spans="1:18" ht="10" customHeight="1" x14ac:dyDescent="0.2">
      <c r="A18" s="48"/>
      <c r="B18" s="18"/>
      <c r="C18" s="17" t="s">
        <v>5</v>
      </c>
      <c r="D18" s="13"/>
      <c r="E18" s="13"/>
      <c r="F18" s="13"/>
      <c r="G18" s="13"/>
      <c r="H18" s="13"/>
      <c r="I18" s="13"/>
      <c r="J18" s="13"/>
      <c r="K18" s="4">
        <v>9680</v>
      </c>
      <c r="L18" s="14"/>
      <c r="M18" s="54"/>
      <c r="O18" s="58" t="s">
        <v>33</v>
      </c>
      <c r="P18" s="59"/>
      <c r="Q18" s="60"/>
      <c r="R18" s="4">
        <v>1</v>
      </c>
    </row>
    <row r="19" spans="1:18" ht="10" customHeight="1" x14ac:dyDescent="0.2">
      <c r="A19" s="48"/>
      <c r="B19" s="18"/>
      <c r="C19" s="17" t="s">
        <v>6</v>
      </c>
      <c r="D19" s="13"/>
      <c r="E19" s="13"/>
      <c r="F19" s="13"/>
      <c r="G19" s="13"/>
      <c r="H19" s="13"/>
      <c r="I19" s="13"/>
      <c r="J19" s="21"/>
      <c r="K19" s="4">
        <v>1210</v>
      </c>
      <c r="L19" s="14"/>
      <c r="M19" s="54"/>
      <c r="O19" s="18"/>
      <c r="P19" s="58" t="s">
        <v>34</v>
      </c>
      <c r="Q19" s="60"/>
      <c r="R19" s="4">
        <v>1</v>
      </c>
    </row>
    <row r="20" spans="1:18" ht="10" customHeight="1" x14ac:dyDescent="0.2">
      <c r="A20" s="48"/>
      <c r="B20" s="18"/>
      <c r="C20" s="17" t="s">
        <v>7</v>
      </c>
      <c r="D20" s="13"/>
      <c r="E20" s="13"/>
      <c r="F20" s="13"/>
      <c r="G20" s="13"/>
      <c r="H20" s="13"/>
      <c r="I20" s="13"/>
      <c r="J20" s="13"/>
      <c r="K20" s="4">
        <v>2420</v>
      </c>
      <c r="L20" s="14"/>
      <c r="M20" s="54"/>
      <c r="O20" s="18"/>
      <c r="P20" s="18"/>
      <c r="Q20" s="17" t="s">
        <v>35</v>
      </c>
      <c r="R20" s="4">
        <v>1</v>
      </c>
    </row>
    <row r="21" spans="1:18" ht="10" customHeight="1" x14ac:dyDescent="0.2">
      <c r="A21" s="52"/>
      <c r="B21" s="19"/>
      <c r="C21" s="17" t="s">
        <v>8</v>
      </c>
      <c r="D21" s="13"/>
      <c r="E21" s="13"/>
      <c r="F21" s="13"/>
      <c r="G21" s="13"/>
      <c r="H21" s="13"/>
      <c r="I21" s="13"/>
      <c r="J21" s="21"/>
      <c r="K21" s="4">
        <v>3630</v>
      </c>
      <c r="L21" s="14"/>
      <c r="M21" s="54"/>
      <c r="O21" s="18"/>
      <c r="P21" s="19"/>
      <c r="Q21" s="17" t="s">
        <v>36</v>
      </c>
      <c r="R21" s="4">
        <v>0</v>
      </c>
    </row>
    <row r="22" spans="1:18" ht="10" customHeight="1" x14ac:dyDescent="0.2">
      <c r="A22" s="52"/>
      <c r="B22" s="16" t="s">
        <v>14</v>
      </c>
      <c r="C22" s="17" t="s">
        <v>4</v>
      </c>
      <c r="D22" s="13"/>
      <c r="E22" s="13"/>
      <c r="F22" s="13"/>
      <c r="G22" s="13"/>
      <c r="H22" s="13"/>
      <c r="I22" s="13"/>
      <c r="J22" s="13"/>
      <c r="K22" s="4">
        <v>473</v>
      </c>
      <c r="L22" s="14"/>
      <c r="M22" s="54"/>
      <c r="N22" s="22"/>
      <c r="O22" s="19"/>
      <c r="P22" s="50" t="s">
        <v>8</v>
      </c>
      <c r="Q22" s="51"/>
      <c r="R22" s="4">
        <v>0</v>
      </c>
    </row>
    <row r="23" spans="1:18" ht="10" customHeight="1" x14ac:dyDescent="0.2">
      <c r="A23" s="52"/>
      <c r="B23" s="18"/>
      <c r="C23" s="17" t="s">
        <v>5</v>
      </c>
      <c r="D23" s="13"/>
      <c r="E23" s="13"/>
      <c r="F23" s="13"/>
      <c r="G23" s="13"/>
      <c r="H23" s="13"/>
      <c r="I23" s="13"/>
      <c r="J23" s="13"/>
      <c r="K23" s="4">
        <v>473</v>
      </c>
      <c r="L23" s="14"/>
      <c r="M23" s="55"/>
      <c r="N23" s="50" t="s">
        <v>37</v>
      </c>
      <c r="O23" s="61"/>
      <c r="P23" s="61"/>
      <c r="Q23" s="51"/>
      <c r="R23" s="4">
        <v>-6875</v>
      </c>
    </row>
    <row r="24" spans="1:18" ht="10" customHeight="1" x14ac:dyDescent="0.2">
      <c r="A24" s="52"/>
      <c r="B24" s="18"/>
      <c r="C24" s="17" t="s">
        <v>6</v>
      </c>
      <c r="D24" s="13"/>
      <c r="E24" s="13"/>
      <c r="F24" s="13"/>
      <c r="G24" s="13"/>
      <c r="H24" s="13"/>
      <c r="I24" s="13"/>
      <c r="J24" s="13"/>
      <c r="K24" s="4">
        <v>220</v>
      </c>
      <c r="L24" s="14"/>
      <c r="M24" s="63" t="s">
        <v>38</v>
      </c>
      <c r="N24" s="59" t="s">
        <v>39</v>
      </c>
      <c r="O24" s="59"/>
      <c r="P24" s="59"/>
      <c r="Q24" s="60"/>
      <c r="R24" s="4">
        <v>21040</v>
      </c>
    </row>
    <row r="25" spans="1:18" ht="10" customHeight="1" x14ac:dyDescent="0.2">
      <c r="A25" s="52"/>
      <c r="B25" s="18"/>
      <c r="C25" s="17" t="s">
        <v>7</v>
      </c>
      <c r="D25" s="13"/>
      <c r="E25" s="13"/>
      <c r="F25" s="13"/>
      <c r="G25" s="13"/>
      <c r="H25" s="13"/>
      <c r="I25" s="13"/>
      <c r="J25" s="13"/>
      <c r="K25" s="4">
        <v>220</v>
      </c>
      <c r="L25" s="14"/>
      <c r="M25" s="54"/>
      <c r="N25" s="15"/>
      <c r="O25" s="58" t="s">
        <v>40</v>
      </c>
      <c r="P25" s="59"/>
      <c r="Q25" s="60"/>
      <c r="R25" s="4">
        <v>15500</v>
      </c>
    </row>
    <row r="26" spans="1:18" ht="10" customHeight="1" x14ac:dyDescent="0.2">
      <c r="A26" s="52"/>
      <c r="B26" s="19"/>
      <c r="C26" s="17" t="s">
        <v>8</v>
      </c>
      <c r="D26" s="13"/>
      <c r="E26" s="13"/>
      <c r="F26" s="13"/>
      <c r="G26" s="13"/>
      <c r="H26" s="13"/>
      <c r="I26" s="13"/>
      <c r="J26" s="13"/>
      <c r="K26" s="4">
        <v>220</v>
      </c>
      <c r="L26" s="14"/>
      <c r="M26" s="54"/>
      <c r="O26" s="50" t="s">
        <v>41</v>
      </c>
      <c r="P26" s="61"/>
      <c r="Q26" s="51"/>
      <c r="R26" s="4">
        <v>0</v>
      </c>
    </row>
    <row r="27" spans="1:18" ht="10" customHeight="1" x14ac:dyDescent="0.2">
      <c r="A27" s="37" t="s">
        <v>15</v>
      </c>
      <c r="B27" s="40" t="s">
        <v>16</v>
      </c>
      <c r="C27" s="41"/>
      <c r="D27" s="13"/>
      <c r="E27" s="13"/>
      <c r="F27" s="13"/>
      <c r="G27" s="13"/>
      <c r="H27" s="13"/>
      <c r="I27" s="13"/>
      <c r="J27" s="13"/>
      <c r="K27" s="4">
        <v>4</v>
      </c>
      <c r="L27" s="14"/>
      <c r="M27" s="54"/>
      <c r="O27" s="50" t="s">
        <v>42</v>
      </c>
      <c r="P27" s="61"/>
      <c r="Q27" s="51"/>
      <c r="R27" s="4">
        <v>5540</v>
      </c>
    </row>
    <row r="28" spans="1:18" ht="10" customHeight="1" x14ac:dyDescent="0.2">
      <c r="A28" s="38"/>
      <c r="B28" s="40" t="s">
        <v>17</v>
      </c>
      <c r="C28" s="41"/>
      <c r="D28" s="13"/>
      <c r="E28" s="13"/>
      <c r="F28" s="13"/>
      <c r="G28" s="13"/>
      <c r="H28" s="13"/>
      <c r="I28" s="13"/>
      <c r="J28" s="13"/>
      <c r="K28" s="4">
        <v>0</v>
      </c>
      <c r="L28" s="14"/>
      <c r="M28" s="54"/>
      <c r="O28" s="50" t="s">
        <v>43</v>
      </c>
      <c r="P28" s="61"/>
      <c r="Q28" s="51"/>
      <c r="R28" s="4">
        <v>0</v>
      </c>
    </row>
    <row r="29" spans="1:18" ht="10" customHeight="1" x14ac:dyDescent="0.2">
      <c r="A29" s="39"/>
      <c r="B29" s="42" t="s">
        <v>9</v>
      </c>
      <c r="C29" s="43"/>
      <c r="D29" s="13"/>
      <c r="E29" s="13"/>
      <c r="F29" s="13"/>
      <c r="G29" s="13"/>
      <c r="H29" s="13"/>
      <c r="I29" s="13"/>
      <c r="J29" s="13"/>
      <c r="K29" s="5">
        <v>4</v>
      </c>
      <c r="L29" s="14"/>
      <c r="M29" s="54"/>
      <c r="O29" s="50" t="s">
        <v>44</v>
      </c>
      <c r="P29" s="61"/>
      <c r="Q29" s="51"/>
      <c r="R29" s="4">
        <v>0</v>
      </c>
    </row>
    <row r="30" spans="1:18" ht="10" customHeight="1" x14ac:dyDescent="0.2">
      <c r="K30" s="23"/>
      <c r="L30" s="14"/>
      <c r="M30" s="54"/>
      <c r="O30" s="50" t="s">
        <v>26</v>
      </c>
      <c r="P30" s="61"/>
      <c r="Q30" s="51"/>
      <c r="R30" s="4">
        <v>0</v>
      </c>
    </row>
    <row r="31" spans="1:18" ht="10" customHeight="1" x14ac:dyDescent="0.2">
      <c r="K31" s="23"/>
      <c r="L31" s="14"/>
      <c r="M31" s="54"/>
      <c r="O31" s="50" t="s">
        <v>27</v>
      </c>
      <c r="P31" s="61"/>
      <c r="Q31" s="51"/>
      <c r="R31" s="4">
        <v>0</v>
      </c>
    </row>
    <row r="32" spans="1:18" ht="10" customHeight="1" x14ac:dyDescent="0.2">
      <c r="L32" s="14"/>
      <c r="M32" s="54"/>
      <c r="O32" s="50" t="s">
        <v>45</v>
      </c>
      <c r="P32" s="61"/>
      <c r="Q32" s="51"/>
      <c r="R32" s="4">
        <v>0</v>
      </c>
    </row>
    <row r="33" spans="11:18" ht="10" customHeight="1" x14ac:dyDescent="0.2">
      <c r="K33" s="24"/>
      <c r="L33" s="14"/>
      <c r="M33" s="54"/>
      <c r="N33" s="22"/>
      <c r="O33" s="50" t="s">
        <v>8</v>
      </c>
      <c r="P33" s="61"/>
      <c r="Q33" s="51"/>
      <c r="R33" s="4">
        <v>0</v>
      </c>
    </row>
    <row r="34" spans="11:18" ht="10" customHeight="1" x14ac:dyDescent="0.2">
      <c r="K34" s="25"/>
      <c r="L34" s="14"/>
      <c r="M34" s="54"/>
      <c r="N34" s="58" t="s">
        <v>46</v>
      </c>
      <c r="O34" s="59"/>
      <c r="P34" s="59"/>
      <c r="Q34" s="60"/>
      <c r="R34" s="4">
        <v>21040</v>
      </c>
    </row>
    <row r="35" spans="11:18" ht="10" customHeight="1" x14ac:dyDescent="0.2">
      <c r="K35" s="24"/>
      <c r="L35" s="14"/>
      <c r="M35" s="54"/>
      <c r="N35" s="26"/>
      <c r="O35" s="58" t="s">
        <v>47</v>
      </c>
      <c r="P35" s="59"/>
      <c r="Q35" s="60"/>
      <c r="R35" s="4">
        <v>15565</v>
      </c>
    </row>
    <row r="36" spans="11:18" ht="10" customHeight="1" x14ac:dyDescent="0.2">
      <c r="L36" s="14"/>
      <c r="M36" s="54"/>
      <c r="N36" s="18"/>
      <c r="O36" s="18"/>
      <c r="P36" s="50" t="s">
        <v>31</v>
      </c>
      <c r="Q36" s="51"/>
      <c r="R36" s="4">
        <v>0</v>
      </c>
    </row>
    <row r="37" spans="11:18" ht="10" customHeight="1" x14ac:dyDescent="0.2">
      <c r="L37" s="14"/>
      <c r="M37" s="54"/>
      <c r="N37" s="18"/>
      <c r="O37" s="19"/>
      <c r="P37" s="50" t="s">
        <v>48</v>
      </c>
      <c r="Q37" s="51"/>
      <c r="R37" s="4">
        <v>0</v>
      </c>
    </row>
    <row r="38" spans="11:18" ht="10" customHeight="1" x14ac:dyDescent="0.2">
      <c r="L38" s="14"/>
      <c r="M38" s="54"/>
      <c r="N38" s="18"/>
      <c r="O38" s="58" t="s">
        <v>49</v>
      </c>
      <c r="P38" s="59"/>
      <c r="Q38" s="60"/>
      <c r="R38" s="4">
        <v>5475</v>
      </c>
    </row>
    <row r="39" spans="11:18" ht="10" customHeight="1" x14ac:dyDescent="0.2">
      <c r="L39" s="14"/>
      <c r="M39" s="54"/>
      <c r="N39" s="18"/>
      <c r="O39" s="50" t="s">
        <v>76</v>
      </c>
      <c r="P39" s="61"/>
      <c r="Q39" s="51"/>
      <c r="R39" s="4">
        <v>0</v>
      </c>
    </row>
    <row r="40" spans="11:18" ht="10" customHeight="1" x14ac:dyDescent="0.2">
      <c r="L40" s="14"/>
      <c r="M40" s="54"/>
      <c r="N40" s="18"/>
      <c r="O40" s="50" t="s">
        <v>50</v>
      </c>
      <c r="P40" s="61"/>
      <c r="Q40" s="51"/>
      <c r="R40" s="4">
        <v>0</v>
      </c>
    </row>
    <row r="41" spans="11:18" ht="10" customHeight="1" x14ac:dyDescent="0.2">
      <c r="L41" s="14"/>
      <c r="M41" s="54"/>
      <c r="N41" s="19"/>
      <c r="O41" s="50" t="s">
        <v>8</v>
      </c>
      <c r="P41" s="61"/>
      <c r="Q41" s="51"/>
      <c r="R41" s="4">
        <v>0</v>
      </c>
    </row>
    <row r="42" spans="11:18" ht="10" customHeight="1" x14ac:dyDescent="0.2">
      <c r="L42" s="14"/>
      <c r="M42" s="55"/>
      <c r="N42" s="61" t="s">
        <v>51</v>
      </c>
      <c r="O42" s="61"/>
      <c r="P42" s="61"/>
      <c r="Q42" s="51"/>
      <c r="R42" s="4">
        <v>0</v>
      </c>
    </row>
    <row r="43" spans="11:18" ht="10" customHeight="1" x14ac:dyDescent="0.2">
      <c r="L43" s="14"/>
      <c r="M43" s="62" t="s">
        <v>52</v>
      </c>
      <c r="N43" s="61"/>
      <c r="O43" s="61"/>
      <c r="P43" s="61"/>
      <c r="Q43" s="51"/>
      <c r="R43" s="4">
        <v>-6875</v>
      </c>
    </row>
    <row r="44" spans="11:18" ht="10" customHeight="1" x14ac:dyDescent="0.2">
      <c r="L44" s="14"/>
      <c r="M44" s="62" t="s">
        <v>53</v>
      </c>
      <c r="N44" s="61"/>
      <c r="O44" s="61"/>
      <c r="P44" s="61"/>
      <c r="Q44" s="51"/>
      <c r="R44" s="4">
        <v>0</v>
      </c>
    </row>
    <row r="45" spans="11:18" ht="10" customHeight="1" x14ac:dyDescent="0.2">
      <c r="L45" s="14"/>
      <c r="M45" s="64" t="s">
        <v>54</v>
      </c>
      <c r="N45" s="59"/>
      <c r="O45" s="59"/>
      <c r="P45" s="59"/>
      <c r="Q45" s="60"/>
      <c r="R45" s="4">
        <v>6875</v>
      </c>
    </row>
    <row r="46" spans="11:18" ht="10" customHeight="1" x14ac:dyDescent="0.2">
      <c r="L46" s="14"/>
      <c r="M46" s="27"/>
      <c r="N46" s="40" t="s">
        <v>55</v>
      </c>
      <c r="O46" s="65"/>
      <c r="P46" s="65"/>
      <c r="Q46" s="41"/>
      <c r="R46" s="4">
        <v>0</v>
      </c>
    </row>
    <row r="47" spans="11:18" ht="10" customHeight="1" x14ac:dyDescent="0.2">
      <c r="L47" s="14"/>
      <c r="M47" s="62" t="s">
        <v>56</v>
      </c>
      <c r="N47" s="61"/>
      <c r="O47" s="61"/>
      <c r="P47" s="61"/>
      <c r="Q47" s="51"/>
      <c r="R47" s="4">
        <v>0</v>
      </c>
    </row>
    <row r="48" spans="11:18" ht="10" customHeight="1" x14ac:dyDescent="0.2">
      <c r="M48" s="62" t="s">
        <v>57</v>
      </c>
      <c r="N48" s="65"/>
      <c r="O48" s="65"/>
      <c r="P48" s="65"/>
      <c r="Q48" s="41"/>
      <c r="R48" s="4">
        <v>0</v>
      </c>
    </row>
    <row r="49" spans="13:18" ht="10" customHeight="1" x14ac:dyDescent="0.2">
      <c r="M49" s="62" t="s">
        <v>58</v>
      </c>
      <c r="N49" s="65"/>
      <c r="O49" s="65"/>
      <c r="P49" s="65"/>
      <c r="Q49" s="41"/>
      <c r="R49" s="4">
        <v>0</v>
      </c>
    </row>
    <row r="50" spans="13:18" ht="10" customHeight="1" x14ac:dyDescent="0.2">
      <c r="M50" s="66" t="s">
        <v>59</v>
      </c>
      <c r="N50" s="67"/>
      <c r="O50" s="67"/>
      <c r="P50" s="67"/>
      <c r="Q50" s="68"/>
      <c r="R50" s="4">
        <v>0</v>
      </c>
    </row>
    <row r="51" spans="13:18" ht="10" customHeight="1" x14ac:dyDescent="0.2">
      <c r="M51" s="64" t="s">
        <v>60</v>
      </c>
      <c r="N51" s="59"/>
      <c r="O51" s="59"/>
      <c r="P51" s="59"/>
      <c r="Q51" s="60"/>
      <c r="R51" s="4">
        <v>0</v>
      </c>
    </row>
    <row r="52" spans="13:18" ht="10" customHeight="1" x14ac:dyDescent="0.2">
      <c r="M52" s="28"/>
      <c r="N52" s="50" t="s">
        <v>61</v>
      </c>
      <c r="O52" s="65"/>
      <c r="P52" s="65"/>
      <c r="Q52" s="41"/>
      <c r="R52" s="4">
        <v>0</v>
      </c>
    </row>
    <row r="53" spans="13:18" ht="10" customHeight="1" x14ac:dyDescent="0.2">
      <c r="M53" s="28"/>
      <c r="N53" s="50" t="s">
        <v>40</v>
      </c>
      <c r="O53" s="65"/>
      <c r="P53" s="65"/>
      <c r="Q53" s="41"/>
      <c r="R53" s="4">
        <v>0</v>
      </c>
    </row>
    <row r="54" spans="13:18" ht="10" customHeight="1" x14ac:dyDescent="0.2">
      <c r="M54" s="27"/>
      <c r="N54" s="50" t="s">
        <v>8</v>
      </c>
      <c r="O54" s="65"/>
      <c r="P54" s="65"/>
      <c r="Q54" s="41"/>
      <c r="R54" s="4">
        <v>0</v>
      </c>
    </row>
    <row r="55" spans="13:18" ht="10" customHeight="1" x14ac:dyDescent="0.2">
      <c r="M55" s="62" t="s">
        <v>62</v>
      </c>
      <c r="N55" s="61"/>
      <c r="O55" s="61"/>
      <c r="P55" s="61"/>
      <c r="Q55" s="51"/>
      <c r="R55" s="4">
        <v>0</v>
      </c>
    </row>
    <row r="56" spans="13:18" ht="10" customHeight="1" x14ac:dyDescent="0.2">
      <c r="M56" s="69" t="s">
        <v>63</v>
      </c>
      <c r="N56" s="70"/>
      <c r="O56" s="70"/>
      <c r="P56" s="71"/>
      <c r="Q56" s="17" t="s">
        <v>64</v>
      </c>
      <c r="R56" s="4">
        <v>0</v>
      </c>
    </row>
    <row r="57" spans="13:18" ht="10" customHeight="1" x14ac:dyDescent="0.2">
      <c r="M57" s="72"/>
      <c r="N57" s="73"/>
      <c r="O57" s="73"/>
      <c r="P57" s="74"/>
      <c r="Q57" s="17" t="s">
        <v>78</v>
      </c>
      <c r="R57" s="9">
        <v>0</v>
      </c>
    </row>
    <row r="58" spans="13:18" ht="10" customHeight="1" x14ac:dyDescent="0.2">
      <c r="M58" s="62" t="s">
        <v>65</v>
      </c>
      <c r="N58" s="65"/>
      <c r="O58" s="65"/>
      <c r="P58" s="65"/>
      <c r="Q58" s="41"/>
      <c r="R58" s="4">
        <v>0</v>
      </c>
    </row>
    <row r="59" spans="13:18" ht="10" customHeight="1" x14ac:dyDescent="0.2">
      <c r="M59" s="75" t="s">
        <v>66</v>
      </c>
      <c r="N59" s="76"/>
      <c r="O59" s="76" t="s">
        <v>40</v>
      </c>
      <c r="P59" s="79" t="s">
        <v>74</v>
      </c>
      <c r="Q59" s="80"/>
      <c r="R59" s="8">
        <v>0</v>
      </c>
    </row>
    <row r="60" spans="13:18" ht="10" customHeight="1" x14ac:dyDescent="0.2">
      <c r="M60" s="77"/>
      <c r="N60" s="78"/>
      <c r="O60" s="78"/>
      <c r="P60" s="81" t="s">
        <v>75</v>
      </c>
      <c r="Q60" s="82"/>
      <c r="R60" s="8">
        <v>0</v>
      </c>
    </row>
    <row r="61" spans="13:18" ht="10" customHeight="1" x14ac:dyDescent="0.2">
      <c r="M61" s="77"/>
      <c r="N61" s="78"/>
      <c r="O61" s="78"/>
      <c r="P61" s="81" t="s">
        <v>8</v>
      </c>
      <c r="Q61" s="82"/>
      <c r="R61" s="8">
        <v>15500</v>
      </c>
    </row>
    <row r="62" spans="13:18" ht="10" customHeight="1" x14ac:dyDescent="0.2">
      <c r="M62" s="77"/>
      <c r="N62" s="78"/>
      <c r="O62" s="81" t="s">
        <v>26</v>
      </c>
      <c r="P62" s="81"/>
      <c r="Q62" s="82"/>
      <c r="R62" s="8">
        <v>0</v>
      </c>
    </row>
    <row r="63" spans="13:18" ht="10" customHeight="1" x14ac:dyDescent="0.2">
      <c r="M63" s="77"/>
      <c r="N63" s="78"/>
      <c r="O63" s="81" t="s">
        <v>27</v>
      </c>
      <c r="P63" s="81"/>
      <c r="Q63" s="82"/>
      <c r="R63" s="8">
        <v>0</v>
      </c>
    </row>
    <row r="64" spans="13:18" ht="10" customHeight="1" x14ac:dyDescent="0.2">
      <c r="M64" s="77"/>
      <c r="N64" s="78"/>
      <c r="O64" s="81" t="s">
        <v>45</v>
      </c>
      <c r="P64" s="81"/>
      <c r="Q64" s="82"/>
      <c r="R64" s="8">
        <v>0</v>
      </c>
    </row>
    <row r="65" spans="13:18" ht="10" customHeight="1" x14ac:dyDescent="0.2">
      <c r="M65" s="77"/>
      <c r="N65" s="78"/>
      <c r="O65" s="81" t="s">
        <v>28</v>
      </c>
      <c r="P65" s="81"/>
      <c r="Q65" s="82"/>
      <c r="R65" s="8">
        <v>65</v>
      </c>
    </row>
    <row r="66" spans="13:18" ht="10" customHeight="1" x14ac:dyDescent="0.2">
      <c r="M66" s="77"/>
      <c r="N66" s="78"/>
      <c r="O66" s="81" t="s">
        <v>8</v>
      </c>
      <c r="P66" s="81"/>
      <c r="Q66" s="82"/>
      <c r="R66" s="8">
        <v>0</v>
      </c>
    </row>
    <row r="67" spans="13:18" ht="10" customHeight="1" x14ac:dyDescent="0.2">
      <c r="M67" s="64" t="s">
        <v>73</v>
      </c>
      <c r="N67" s="59"/>
      <c r="O67" s="59"/>
      <c r="P67" s="59"/>
      <c r="Q67" s="60"/>
      <c r="R67" s="4">
        <v>27850</v>
      </c>
    </row>
    <row r="68" spans="13:18" ht="10" customHeight="1" x14ac:dyDescent="0.2">
      <c r="M68" s="62" t="s">
        <v>67</v>
      </c>
      <c r="N68" s="61"/>
      <c r="O68" s="61"/>
      <c r="P68" s="61"/>
      <c r="Q68" s="51"/>
      <c r="R68" s="4">
        <v>0</v>
      </c>
    </row>
    <row r="69" spans="13:18" ht="10" customHeight="1" x14ac:dyDescent="0.2">
      <c r="M69" s="64" t="s">
        <v>28</v>
      </c>
      <c r="N69" s="59"/>
      <c r="O69" s="59"/>
      <c r="P69" s="59"/>
      <c r="Q69" s="60"/>
      <c r="R69" s="4">
        <v>141236</v>
      </c>
    </row>
    <row r="70" spans="13:18" ht="10" customHeight="1" x14ac:dyDescent="0.2">
      <c r="M70" s="28"/>
      <c r="N70" s="58" t="s">
        <v>68</v>
      </c>
      <c r="O70" s="59"/>
      <c r="P70" s="59"/>
      <c r="Q70" s="60"/>
      <c r="R70" s="4">
        <v>135696</v>
      </c>
    </row>
    <row r="71" spans="13:18" ht="10.5" customHeight="1" x14ac:dyDescent="0.2">
      <c r="M71" s="28"/>
      <c r="N71" s="18"/>
      <c r="O71" s="50" t="s">
        <v>69</v>
      </c>
      <c r="P71" s="61"/>
      <c r="Q71" s="51"/>
      <c r="R71" s="4">
        <v>0</v>
      </c>
    </row>
    <row r="72" spans="13:18" ht="10" customHeight="1" x14ac:dyDescent="0.2">
      <c r="M72" s="28"/>
      <c r="N72" s="19"/>
      <c r="O72" s="50" t="s">
        <v>70</v>
      </c>
      <c r="P72" s="61"/>
      <c r="Q72" s="51"/>
      <c r="R72" s="4">
        <v>135696</v>
      </c>
    </row>
    <row r="73" spans="13:18" ht="10" customHeight="1" x14ac:dyDescent="0.2">
      <c r="M73" s="28"/>
      <c r="N73" s="58" t="s">
        <v>71</v>
      </c>
      <c r="O73" s="59"/>
      <c r="P73" s="59"/>
      <c r="Q73" s="60"/>
      <c r="R73" s="4">
        <v>5540</v>
      </c>
    </row>
    <row r="74" spans="13:18" ht="10" customHeight="1" x14ac:dyDescent="0.2">
      <c r="M74" s="28"/>
      <c r="N74" s="18"/>
      <c r="O74" s="50" t="s">
        <v>69</v>
      </c>
      <c r="P74" s="61"/>
      <c r="Q74" s="51"/>
      <c r="R74" s="4">
        <v>0</v>
      </c>
    </row>
    <row r="75" spans="13:18" ht="10" customHeight="1" x14ac:dyDescent="0.2">
      <c r="M75" s="29"/>
      <c r="N75" s="30"/>
      <c r="O75" s="42" t="s">
        <v>70</v>
      </c>
      <c r="P75" s="83"/>
      <c r="Q75" s="43"/>
      <c r="R75" s="4">
        <v>5540</v>
      </c>
    </row>
  </sheetData>
  <mergeCells count="85">
    <mergeCell ref="O72:Q72"/>
    <mergeCell ref="N73:Q73"/>
    <mergeCell ref="O74:Q74"/>
    <mergeCell ref="O75:Q75"/>
    <mergeCell ref="M67:Q67"/>
    <mergeCell ref="M68:Q68"/>
    <mergeCell ref="M69:Q69"/>
    <mergeCell ref="N70:Q70"/>
    <mergeCell ref="O71:Q71"/>
    <mergeCell ref="N54:Q54"/>
    <mergeCell ref="M55:Q55"/>
    <mergeCell ref="M56:P57"/>
    <mergeCell ref="M58:Q58"/>
    <mergeCell ref="M59:N66"/>
    <mergeCell ref="O59:O61"/>
    <mergeCell ref="P59:Q59"/>
    <mergeCell ref="P60:Q60"/>
    <mergeCell ref="P61:Q61"/>
    <mergeCell ref="O62:Q62"/>
    <mergeCell ref="O63:Q63"/>
    <mergeCell ref="O64:Q64"/>
    <mergeCell ref="O65:Q65"/>
    <mergeCell ref="O66:Q66"/>
    <mergeCell ref="M49:Q49"/>
    <mergeCell ref="M50:Q50"/>
    <mergeCell ref="M51:Q51"/>
    <mergeCell ref="N52:Q52"/>
    <mergeCell ref="N53:Q53"/>
    <mergeCell ref="M44:Q44"/>
    <mergeCell ref="M45:Q45"/>
    <mergeCell ref="N46:Q46"/>
    <mergeCell ref="M47:Q47"/>
    <mergeCell ref="M48:Q48"/>
    <mergeCell ref="O39:Q39"/>
    <mergeCell ref="O40:Q40"/>
    <mergeCell ref="O41:Q41"/>
    <mergeCell ref="N42:Q42"/>
    <mergeCell ref="M43:Q43"/>
    <mergeCell ref="M24:M42"/>
    <mergeCell ref="N24:Q24"/>
    <mergeCell ref="O25:Q25"/>
    <mergeCell ref="O26:Q26"/>
    <mergeCell ref="O27:Q27"/>
    <mergeCell ref="O28:Q28"/>
    <mergeCell ref="O29:Q29"/>
    <mergeCell ref="O30:Q30"/>
    <mergeCell ref="O31:Q31"/>
    <mergeCell ref="O32:Q32"/>
    <mergeCell ref="O33:Q33"/>
    <mergeCell ref="N34:Q34"/>
    <mergeCell ref="O35:Q35"/>
    <mergeCell ref="P36:Q36"/>
    <mergeCell ref="P37:Q37"/>
    <mergeCell ref="O38:Q38"/>
    <mergeCell ref="P17:Q17"/>
    <mergeCell ref="O18:Q18"/>
    <mergeCell ref="P19:Q19"/>
    <mergeCell ref="P22:Q22"/>
    <mergeCell ref="N23:Q23"/>
    <mergeCell ref="M1:Q2"/>
    <mergeCell ref="M3:M23"/>
    <mergeCell ref="N3:Q3"/>
    <mergeCell ref="O4:Q4"/>
    <mergeCell ref="P5:Q5"/>
    <mergeCell ref="P6:Q6"/>
    <mergeCell ref="P7:Q7"/>
    <mergeCell ref="O8:Q8"/>
    <mergeCell ref="P9:Q9"/>
    <mergeCell ref="P10:Q10"/>
    <mergeCell ref="P11:Q11"/>
    <mergeCell ref="P12:Q12"/>
    <mergeCell ref="N13:Q13"/>
    <mergeCell ref="O14:Q14"/>
    <mergeCell ref="P15:Q15"/>
    <mergeCell ref="P16:Q16"/>
    <mergeCell ref="A1:C2"/>
    <mergeCell ref="A27:A29"/>
    <mergeCell ref="B27:C27"/>
    <mergeCell ref="B28:C28"/>
    <mergeCell ref="B29:C29"/>
    <mergeCell ref="A3:C3"/>
    <mergeCell ref="A4:A11"/>
    <mergeCell ref="B4:C4"/>
    <mergeCell ref="B11:C11"/>
    <mergeCell ref="A12:A26"/>
  </mergeCells>
  <phoneticPr fontId="2"/>
  <conditionalFormatting sqref="K3:K29">
    <cfRule type="cellIs" dxfId="1" priority="3" stopIfTrue="1" operator="equal">
      <formula>0</formula>
    </cfRule>
  </conditionalFormatting>
  <conditionalFormatting sqref="R3:R75">
    <cfRule type="cellIs" dxfId="0" priority="1" stopIfTrue="1" operator="equal">
      <formula>0</formula>
    </cfRule>
  </conditionalFormatting>
  <pageMargins left="0.78740157480314965" right="0.78740157480314965" top="1.3779527559055118" bottom="0.59055118110236227" header="0.51181102362204722" footer="0.51181102362204722"/>
  <pageSetup paperSize="9" scale="98" firstPageNumber="256" orientation="portrait" useFirstPageNumber="1" r:id="rId1"/>
  <headerFooter scaleWithDoc="0">
    <oddHeader>&amp;L&amp;"ＭＳ ゴシック,標準"Ⅳ　令和６年度地方公営企業事業別決算状況
 ７ と畜場事業(法非適用事業)
&amp;A&amp;C&amp;"ＭＳ ゴシック,標準"
             　イ　決算状況</oddHeader>
    <oddFooter xml:space="preserve">&amp;C&amp;"ＭＳ ゴシック,標準"&amp;9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ア　施設及び業務の概況</vt:lpstr>
      <vt:lpstr>'ア　施設及び業務の概況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齋藤真也</dc:creator>
  <cp:lastModifiedBy>田代 幹基（市町村課）</cp:lastModifiedBy>
  <cp:lastPrinted>2026-01-13T07:04:34Z</cp:lastPrinted>
  <dcterms:created xsi:type="dcterms:W3CDTF">2016-01-05T06:42:22Z</dcterms:created>
  <dcterms:modified xsi:type="dcterms:W3CDTF">2026-02-05T08:29:26Z</dcterms:modified>
</cp:coreProperties>
</file>